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9"/>
  </p:notesMasterIdLst>
  <p:sldIdLst>
    <p:sldId id="270" r:id="rId5"/>
    <p:sldId id="263" r:id="rId6"/>
    <p:sldId id="268" r:id="rId7"/>
    <p:sldId id="269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4" d="100"/>
          <a:sy n="74" d="100"/>
        </p:scale>
        <p:origin x="352" y="4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8/10/relationships/authors" Target="author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3/05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5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3.png"/><Relationship Id="rId5" Type="http://schemas.openxmlformats.org/officeDocument/2006/relationships/image" Target="../media/image2.png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hyperlink" Target="https://www.iata.org/en/events/all/wsoc/#tab-1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4.xml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body of water with a body of water with a city in the background&#10;&#10;Description automatically generated">
            <a:extLst>
              <a:ext uri="{FF2B5EF4-FFF2-40B4-BE49-F238E27FC236}">
                <a16:creationId xmlns:a16="http://schemas.microsoft.com/office/drawing/2014/main" id="{F29A077F-E2DE-5823-C2B0-FFE1DF07609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15664"/>
          <a:stretch/>
        </p:blipFill>
        <p:spPr>
          <a:xfrm>
            <a:off x="0" y="-1"/>
            <a:ext cx="12191999" cy="6857999"/>
          </a:xfrm>
          <a:prstGeom prst="rect">
            <a:avLst/>
          </a:prstGeom>
        </p:spPr>
      </p:pic>
      <p:sp>
        <p:nvSpPr>
          <p:cNvPr id="4" name="GRADIENT" hidden="1">
            <a:extLst>
              <a:ext uri="{FF2B5EF4-FFF2-40B4-BE49-F238E27FC236}">
                <a16:creationId xmlns:a16="http://schemas.microsoft.com/office/drawing/2014/main" id="{1142C517-9ED3-90E5-6613-B0E64393C3DF}"/>
              </a:ext>
            </a:extLst>
          </p:cNvPr>
          <p:cNvSpPr/>
          <p:nvPr/>
        </p:nvSpPr>
        <p:spPr>
          <a:xfrm>
            <a:off x="0" y="1"/>
            <a:ext cx="12191999" cy="6857997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45000"/>
                </a:schemeClr>
              </a:gs>
              <a:gs pos="3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GRADIENT">
            <a:extLst>
              <a:ext uri="{FF2B5EF4-FFF2-40B4-BE49-F238E27FC236}">
                <a16:creationId xmlns:a16="http://schemas.microsoft.com/office/drawing/2014/main" id="{6B467A31-9218-FF64-B259-393D91CBDF9B}"/>
              </a:ext>
            </a:extLst>
          </p:cNvPr>
          <p:cNvSpPr/>
          <p:nvPr/>
        </p:nvSpPr>
        <p:spPr>
          <a:xfrm>
            <a:off x="0" y="-1"/>
            <a:ext cx="12192000" cy="6857999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45000"/>
                </a:schemeClr>
              </a:gs>
              <a:gs pos="33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GRADIENT">
            <a:extLst>
              <a:ext uri="{FF2B5EF4-FFF2-40B4-BE49-F238E27FC236}">
                <a16:creationId xmlns:a16="http://schemas.microsoft.com/office/drawing/2014/main" id="{813B041E-AFBA-0BD9-EC13-AD58880A7950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90000"/>
                </a:schemeClr>
              </a:gs>
              <a:gs pos="47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" name="Location, Date">
            <a:extLst>
              <a:ext uri="{FF2B5EF4-FFF2-40B4-BE49-F238E27FC236}">
                <a16:creationId xmlns:a16="http://schemas.microsoft.com/office/drawing/2014/main" id="{FD097587-D05D-4458-B1AF-E8ACBEFDA7D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0999" y="3215020"/>
            <a:ext cx="6369121" cy="850297"/>
          </a:xfrm>
        </p:spPr>
        <p:txBody>
          <a:bodyPr>
            <a:normAutofit/>
          </a:bodyPr>
          <a:lstStyle/>
          <a:p>
            <a:r>
              <a:rPr lang="en-US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Xiamen, China </a:t>
            </a:r>
          </a:p>
          <a:p>
            <a:r>
              <a:rPr lang="en-US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4-16 October 2025</a:t>
            </a:r>
          </a:p>
        </p:txBody>
      </p:sp>
      <p:sp>
        <p:nvSpPr>
          <p:cNvPr id="35" name="IATA logo">
            <a:extLst>
              <a:ext uri="{FF2B5EF4-FFF2-40B4-BE49-F238E27FC236}">
                <a16:creationId xmlns:a16="http://schemas.microsoft.com/office/drawing/2014/main" id="{32CEF7D5-037E-404D-B964-AAAAD721CD0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84316" y="5377997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7" name="Title">
            <a:extLst>
              <a:ext uri="{FF2B5EF4-FFF2-40B4-BE49-F238E27FC236}">
                <a16:creationId xmlns:a16="http://schemas.microsoft.com/office/drawing/2014/main" id="{7E242B1F-447C-C2FD-5776-51AA6272A986}"/>
              </a:ext>
            </a:extLst>
          </p:cNvPr>
          <p:cNvSpPr txBox="1"/>
          <p:nvPr/>
        </p:nvSpPr>
        <p:spPr>
          <a:xfrm>
            <a:off x="0" y="4563646"/>
            <a:ext cx="1219199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  Promotional Kit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611F086-B55D-A45D-15E0-3AB58219D40D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5"/>
          <a:srcRect/>
          <a:stretch/>
        </p:blipFill>
        <p:spPr>
          <a:xfrm>
            <a:off x="621468" y="367138"/>
            <a:ext cx="3701151" cy="2349553"/>
          </a:xfrm>
          <a:prstGeom prst="rect">
            <a:avLst/>
          </a:prstGeom>
        </p:spPr>
      </p:pic>
      <p:sp>
        <p:nvSpPr>
          <p:cNvPr id="9" name="Host airline">
            <a:extLst>
              <a:ext uri="{FF2B5EF4-FFF2-40B4-BE49-F238E27FC236}">
                <a16:creationId xmlns:a16="http://schemas.microsoft.com/office/drawing/2014/main" id="{ED26C1B8-75E1-1DA3-D8D4-D904C2C7EA35}"/>
              </a:ext>
            </a:extLst>
          </p:cNvPr>
          <p:cNvSpPr txBox="1">
            <a:spLocks/>
          </p:cNvSpPr>
          <p:nvPr/>
        </p:nvSpPr>
        <p:spPr>
          <a:xfrm>
            <a:off x="8122622" y="5403043"/>
            <a:ext cx="1153269" cy="67466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ktiv Grotesk Medium" panose="020B0504020202020204" pitchFamily="34" charset="0"/>
              <a:buChar char="–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ktiv Grotesk Medium" panose="020B0504020202020204" pitchFamily="34" charset="0"/>
              <a:buChar char="▪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ctr"/>
            <a:r>
              <a:rPr lang="en-US" sz="1400" b="1" dirty="0">
                <a:solidFill>
                  <a:schemeClr val="bg1"/>
                </a:solidFill>
              </a:rPr>
              <a:t>Host airline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57661AFA-6129-B991-8C78-FF1C7FC8F73C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-422" t="-11030" r="-693" b="-32421"/>
          <a:stretch/>
        </p:blipFill>
        <p:spPr>
          <a:xfrm>
            <a:off x="7508912" y="5769861"/>
            <a:ext cx="2380691" cy="91718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4285332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ZoneTexte 4">
            <a:extLst>
              <a:ext uri="{FF2B5EF4-FFF2-40B4-BE49-F238E27FC236}">
                <a16:creationId xmlns:a16="http://schemas.microsoft.com/office/drawing/2014/main" id="{8D683FED-8EAC-651B-134D-9C3257312740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SOC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D31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SOC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D31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D31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28BE47FF-0545-040E-6D16-52DA222E7064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sp>
        <p:nvSpPr>
          <p:cNvPr id="14" name="Footer Placeholder 28">
            <a:extLst>
              <a:ext uri="{FF2B5EF4-FFF2-40B4-BE49-F238E27FC236}">
                <a16:creationId xmlns:a16="http://schemas.microsoft.com/office/drawing/2014/main" id="{2DB8B009-4796-D003-682E-514D296FD1BE}"/>
              </a:ext>
            </a:extLst>
          </p:cNvPr>
          <p:cNvSpPr txBox="1">
            <a:spLocks/>
          </p:cNvSpPr>
          <p:nvPr/>
        </p:nvSpPr>
        <p:spPr>
          <a:xfrm>
            <a:off x="525137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srgbClr val="1D31FA"/>
                </a:solidFill>
                <a:latin typeface="Aktiv Grotesk"/>
              </a:rPr>
              <a:t>#IATAWSOC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76A4305D-E67B-E2D2-502D-C8CD9B5EABFE}"/>
              </a:ext>
            </a:extLst>
          </p:cNvPr>
          <p:cNvGrpSpPr/>
          <p:nvPr/>
        </p:nvGrpSpPr>
        <p:grpSpPr>
          <a:xfrm>
            <a:off x="3140765" y="3508439"/>
            <a:ext cx="5303354" cy="2984436"/>
            <a:chOff x="3140765" y="3508439"/>
            <a:chExt cx="5303354" cy="2984436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F2D808A5-B863-A3C5-0754-8A5F5CA31E9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140765" y="3508439"/>
              <a:ext cx="5303354" cy="2984436"/>
            </a:xfrm>
            <a:prstGeom prst="rect">
              <a:avLst/>
            </a:prstGeom>
          </p:spPr>
        </p:pic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60869C31-B663-49B3-258A-DB6566A6DF9F}"/>
                </a:ext>
              </a:extLst>
            </p:cNvPr>
            <p:cNvSpPr/>
            <p:nvPr/>
          </p:nvSpPr>
          <p:spPr>
            <a:xfrm>
              <a:off x="6487274" y="4006424"/>
              <a:ext cx="1213864" cy="1215319"/>
            </a:xfrm>
            <a:prstGeom prst="ellipse">
              <a:avLst/>
            </a:prstGeom>
            <a:solidFill>
              <a:schemeClr val="bg2">
                <a:lumMod val="90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41633B35-887C-BABC-F8E5-82735F1D408D}"/>
                </a:ext>
              </a:extLst>
            </p:cNvPr>
            <p:cNvGrpSpPr/>
            <p:nvPr/>
          </p:nvGrpSpPr>
          <p:grpSpPr>
            <a:xfrm>
              <a:off x="6879123" y="4162129"/>
              <a:ext cx="430165" cy="903908"/>
              <a:chOff x="1306168" y="815353"/>
              <a:chExt cx="991737" cy="1979946"/>
            </a:xfrm>
          </p:grpSpPr>
          <p:sp>
            <p:nvSpPr>
              <p:cNvPr id="10" name="Freeform 5">
                <a:extLst>
                  <a:ext uri="{FF2B5EF4-FFF2-40B4-BE49-F238E27FC236}">
                    <a16:creationId xmlns:a16="http://schemas.microsoft.com/office/drawing/2014/main" id="{A1743CEF-7796-7A82-B3FE-3C6584D93F8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flipH="1">
                <a:off x="1307306" y="1808279"/>
                <a:ext cx="985838" cy="987020"/>
              </a:xfrm>
              <a:custGeom>
                <a:avLst/>
                <a:gdLst>
                  <a:gd name="T0" fmla="*/ 0 w 3326"/>
                  <a:gd name="T1" fmla="*/ 0 h 3330"/>
                  <a:gd name="T2" fmla="*/ 0 w 3326"/>
                  <a:gd name="T3" fmla="*/ 1665 h 3330"/>
                  <a:gd name="T4" fmla="*/ 1109 w 3326"/>
                  <a:gd name="T5" fmla="*/ 1665 h 3330"/>
                  <a:gd name="T6" fmla="*/ 1109 w 3326"/>
                  <a:gd name="T7" fmla="*/ 3330 h 3330"/>
                  <a:gd name="T8" fmla="*/ 3326 w 3326"/>
                  <a:gd name="T9" fmla="*/ 3330 h 3330"/>
                  <a:gd name="T10" fmla="*/ 3326 w 3326"/>
                  <a:gd name="T11" fmla="*/ 0 h 3330"/>
                  <a:gd name="T12" fmla="*/ 0 w 3326"/>
                  <a:gd name="T13" fmla="*/ 0 h 33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326" h="3330">
                    <a:moveTo>
                      <a:pt x="0" y="0"/>
                    </a:moveTo>
                    <a:lnTo>
                      <a:pt x="0" y="1665"/>
                    </a:lnTo>
                    <a:lnTo>
                      <a:pt x="1109" y="1665"/>
                    </a:lnTo>
                    <a:lnTo>
                      <a:pt x="1109" y="3330"/>
                    </a:lnTo>
                    <a:lnTo>
                      <a:pt x="3326" y="3330"/>
                    </a:lnTo>
                    <a:lnTo>
                      <a:pt x="3326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11" name="Oval 10">
                <a:extLst>
                  <a:ext uri="{FF2B5EF4-FFF2-40B4-BE49-F238E27FC236}">
                    <a16:creationId xmlns:a16="http://schemas.microsoft.com/office/drawing/2014/main" id="{C485A753-F404-21A1-37EA-7EFB72ADB757}"/>
                  </a:ext>
                </a:extLst>
              </p:cNvPr>
              <p:cNvSpPr>
                <a:spLocks noChangeAspect="1" noChangeArrowheads="1"/>
              </p:cNvSpPr>
              <p:nvPr/>
            </p:nvSpPr>
            <p:spPr bwMode="auto">
              <a:xfrm>
                <a:off x="1306168" y="815353"/>
                <a:ext cx="991737" cy="992926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12" name="Freeform: Shape 11">
                <a:extLst>
                  <a:ext uri="{FF2B5EF4-FFF2-40B4-BE49-F238E27FC236}">
                    <a16:creationId xmlns:a16="http://schemas.microsoft.com/office/drawing/2014/main" id="{EFF0E5F4-1CB9-3303-6F20-371178F1AF4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6200000">
                <a:off x="1685021" y="1351310"/>
                <a:ext cx="230410" cy="460407"/>
              </a:xfrm>
              <a:custGeom>
                <a:avLst/>
                <a:gdLst>
                  <a:gd name="connsiteX0" fmla="*/ 270676 w 270676"/>
                  <a:gd name="connsiteY0" fmla="*/ 0 h 540866"/>
                  <a:gd name="connsiteX1" fmla="*/ 270676 w 270676"/>
                  <a:gd name="connsiteY1" fmla="*/ 270352 h 540866"/>
                  <a:gd name="connsiteX2" fmla="*/ 270514 w 270676"/>
                  <a:gd name="connsiteY2" fmla="*/ 270352 h 540866"/>
                  <a:gd name="connsiteX3" fmla="*/ 270514 w 270676"/>
                  <a:gd name="connsiteY3" fmla="*/ 274419 h 540866"/>
                  <a:gd name="connsiteX4" fmla="*/ 270514 w 270676"/>
                  <a:gd name="connsiteY4" fmla="*/ 540866 h 540866"/>
                  <a:gd name="connsiteX5" fmla="*/ 5653 w 270676"/>
                  <a:gd name="connsiteY5" fmla="*/ 324752 h 540866"/>
                  <a:gd name="connsiteX6" fmla="*/ 178 w 270676"/>
                  <a:gd name="connsiteY6" fmla="*/ 270352 h 540866"/>
                  <a:gd name="connsiteX7" fmla="*/ 0 w 270676"/>
                  <a:gd name="connsiteY7" fmla="*/ 270352 h 540866"/>
                  <a:gd name="connsiteX8" fmla="*/ 270676 w 270676"/>
                  <a:gd name="connsiteY8" fmla="*/ 0 h 5408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0676" h="540866">
                    <a:moveTo>
                      <a:pt x="270676" y="0"/>
                    </a:moveTo>
                    <a:lnTo>
                      <a:pt x="270676" y="270352"/>
                    </a:lnTo>
                    <a:lnTo>
                      <a:pt x="270514" y="270352"/>
                    </a:lnTo>
                    <a:lnTo>
                      <a:pt x="270514" y="274419"/>
                    </a:lnTo>
                    <a:cubicBezTo>
                      <a:pt x="270514" y="287107"/>
                      <a:pt x="270514" y="337859"/>
                      <a:pt x="270514" y="540866"/>
                    </a:cubicBezTo>
                    <a:cubicBezTo>
                      <a:pt x="139832" y="540866"/>
                      <a:pt x="30855" y="448114"/>
                      <a:pt x="5653" y="324752"/>
                    </a:cubicBezTo>
                    <a:lnTo>
                      <a:pt x="178" y="270352"/>
                    </a:lnTo>
                    <a:lnTo>
                      <a:pt x="0" y="270352"/>
                    </a:lnTo>
                    <a:cubicBezTo>
                      <a:pt x="0" y="121001"/>
                      <a:pt x="121146" y="0"/>
                      <a:pt x="270676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noAutofit/>
              </a:bodyPr>
              <a:lstStyle/>
              <a:p>
                <a:endParaRPr lang="en-GB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0417941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 descr="A body of water with a body of water with a city in the background&#10;&#10;Description automatically generated">
            <a:extLst>
              <a:ext uri="{FF2B5EF4-FFF2-40B4-BE49-F238E27FC236}">
                <a16:creationId xmlns:a16="http://schemas.microsoft.com/office/drawing/2014/main" id="{12AD3D97-62EC-D39F-BA68-D54F15AB62E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15664"/>
          <a:stretch/>
        </p:blipFill>
        <p:spPr>
          <a:xfrm>
            <a:off x="0" y="-1"/>
            <a:ext cx="12191999" cy="6857999"/>
          </a:xfrm>
          <a:prstGeom prst="rect">
            <a:avLst/>
          </a:prstGeom>
        </p:spPr>
      </p:pic>
      <p:sp>
        <p:nvSpPr>
          <p:cNvPr id="6" name="GRADIENT" hidden="1">
            <a:extLst>
              <a:ext uri="{FF2B5EF4-FFF2-40B4-BE49-F238E27FC236}">
                <a16:creationId xmlns:a16="http://schemas.microsoft.com/office/drawing/2014/main" id="{D87AD212-A317-F24A-8260-D6A5844F17D4}"/>
              </a:ext>
            </a:extLst>
          </p:cNvPr>
          <p:cNvSpPr/>
          <p:nvPr/>
        </p:nvSpPr>
        <p:spPr>
          <a:xfrm>
            <a:off x="0" y="1"/>
            <a:ext cx="12191999" cy="6857997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45000"/>
                </a:schemeClr>
              </a:gs>
              <a:gs pos="3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GRADIENT">
            <a:extLst>
              <a:ext uri="{FF2B5EF4-FFF2-40B4-BE49-F238E27FC236}">
                <a16:creationId xmlns:a16="http://schemas.microsoft.com/office/drawing/2014/main" id="{3344D50B-9558-C5B0-BB7B-29F8C38BF43C}"/>
              </a:ext>
            </a:extLst>
          </p:cNvPr>
          <p:cNvSpPr/>
          <p:nvPr/>
        </p:nvSpPr>
        <p:spPr>
          <a:xfrm>
            <a:off x="0" y="-1"/>
            <a:ext cx="12192000" cy="6857999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45000"/>
                </a:schemeClr>
              </a:gs>
              <a:gs pos="33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GRADIENT">
            <a:extLst>
              <a:ext uri="{FF2B5EF4-FFF2-40B4-BE49-F238E27FC236}">
                <a16:creationId xmlns:a16="http://schemas.microsoft.com/office/drawing/2014/main" id="{5A9757A4-5B73-54E6-1DAD-C8067EF17FE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90000"/>
                </a:schemeClr>
              </a:gs>
              <a:gs pos="47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  <p:sp>
        <p:nvSpPr>
          <p:cNvPr id="15" name="Location, Dates">
            <a:extLst>
              <a:ext uri="{FF2B5EF4-FFF2-40B4-BE49-F238E27FC236}">
                <a16:creationId xmlns:a16="http://schemas.microsoft.com/office/drawing/2014/main" id="{CF9D597D-E23D-D519-F06D-E0250840F915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525137" y="3040902"/>
            <a:ext cx="476216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Xiamen, China </a:t>
            </a:r>
          </a:p>
          <a:p>
            <a:r>
              <a:rPr lang="en-US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4-16 October 2025</a:t>
            </a:r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94B3C006-FB80-C4A2-BB3F-5B7E11F85629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6791346" y="473001"/>
            <a:ext cx="4673599" cy="4679202"/>
          </a:xfrm>
        </p:spPr>
        <p:txBody>
          <a:bodyPr/>
          <a:lstStyle/>
          <a:p>
            <a:endParaRPr lang="en-US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0B0FE42-C3C5-40B6-B541-0FDB5D4BDCE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 rotWithShape="1">
          <a:blip r:embed="rId4"/>
          <a:srcRect/>
          <a:stretch/>
        </p:blipFill>
        <p:spPr>
          <a:xfrm>
            <a:off x="625555" y="504489"/>
            <a:ext cx="3528211" cy="2239768"/>
          </a:xfrm>
          <a:prstGeom prst="rect">
            <a:avLst/>
          </a:prstGeom>
        </p:spPr>
      </p:pic>
      <p:sp>
        <p:nvSpPr>
          <p:cNvPr id="17" name="IATA logo">
            <a:extLst>
              <a:ext uri="{FF2B5EF4-FFF2-40B4-BE49-F238E27FC236}">
                <a16:creationId xmlns:a16="http://schemas.microsoft.com/office/drawing/2014/main" id="{605100F6-4FD1-875F-1456-CF73793A9A2B}"/>
              </a:ext>
            </a:extLst>
          </p:cNvPr>
          <p:cNvSpPr>
            <a:spLocks noGrp="1" noRot="1" noChangeAspect="1" noMove="1" noResize="1" noEditPoints="1" noAdjustHandles="1" noChangeArrowheads="1" noChangeShapeType="1"/>
          </p:cNvSpPr>
          <p:nvPr/>
        </p:nvSpPr>
        <p:spPr bwMode="auto">
          <a:xfrm>
            <a:off x="10084316" y="5377997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8" name="Host airline">
            <a:extLst>
              <a:ext uri="{FF2B5EF4-FFF2-40B4-BE49-F238E27FC236}">
                <a16:creationId xmlns:a16="http://schemas.microsoft.com/office/drawing/2014/main" id="{67EABA69-C240-DF47-5E3E-13EAFCC52D89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8122622" y="5403043"/>
            <a:ext cx="1153269" cy="67466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ktiv Grotesk Medium" panose="020B0504020202020204" pitchFamily="34" charset="0"/>
              <a:buChar char="–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ktiv Grotesk Medium" panose="020B0504020202020204" pitchFamily="34" charset="0"/>
              <a:buChar char="▪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ctr"/>
            <a:r>
              <a:rPr lang="en-US" sz="1400" b="1" dirty="0">
                <a:solidFill>
                  <a:schemeClr val="bg1"/>
                </a:solidFill>
              </a:rPr>
              <a:t>Host airline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C53A5E5A-4EA5-DEC9-6B29-3DCAD7E75662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 rotWithShape="1">
          <a:blip r:embed="rId5"/>
          <a:srcRect l="-422" t="-11030" r="-693" b="-32421"/>
          <a:stretch/>
        </p:blipFill>
        <p:spPr>
          <a:xfrm>
            <a:off x="7508912" y="5769861"/>
            <a:ext cx="2380691" cy="9171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6101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body of water with a body of water with a city in the background&#10;&#10;Description automatically generated">
            <a:extLst>
              <a:ext uri="{FF2B5EF4-FFF2-40B4-BE49-F238E27FC236}">
                <a16:creationId xmlns:a16="http://schemas.microsoft.com/office/drawing/2014/main" id="{82CDAD0E-A87D-C975-8195-41FFB644413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15664"/>
          <a:stretch/>
        </p:blipFill>
        <p:spPr>
          <a:xfrm>
            <a:off x="0" y="-1"/>
            <a:ext cx="12191999" cy="6857999"/>
          </a:xfrm>
          <a:prstGeom prst="rect">
            <a:avLst/>
          </a:prstGeom>
        </p:spPr>
      </p:pic>
      <p:sp>
        <p:nvSpPr>
          <p:cNvPr id="6" name="GRADIENT" hidden="1">
            <a:extLst>
              <a:ext uri="{FF2B5EF4-FFF2-40B4-BE49-F238E27FC236}">
                <a16:creationId xmlns:a16="http://schemas.microsoft.com/office/drawing/2014/main" id="{05063832-4B39-401E-348C-4B0DCDD2D97B}"/>
              </a:ext>
            </a:extLst>
          </p:cNvPr>
          <p:cNvSpPr/>
          <p:nvPr/>
        </p:nvSpPr>
        <p:spPr>
          <a:xfrm>
            <a:off x="0" y="1"/>
            <a:ext cx="12191999" cy="6857997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45000"/>
                </a:schemeClr>
              </a:gs>
              <a:gs pos="3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GRADIENT">
            <a:extLst>
              <a:ext uri="{FF2B5EF4-FFF2-40B4-BE49-F238E27FC236}">
                <a16:creationId xmlns:a16="http://schemas.microsoft.com/office/drawing/2014/main" id="{B44F750B-542A-5643-1253-7B489CA287B0}"/>
              </a:ext>
            </a:extLst>
          </p:cNvPr>
          <p:cNvSpPr/>
          <p:nvPr/>
        </p:nvSpPr>
        <p:spPr>
          <a:xfrm>
            <a:off x="0" y="-1"/>
            <a:ext cx="12192000" cy="6857999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45000"/>
                </a:schemeClr>
              </a:gs>
              <a:gs pos="33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GRADIENT">
            <a:extLst>
              <a:ext uri="{FF2B5EF4-FFF2-40B4-BE49-F238E27FC236}">
                <a16:creationId xmlns:a16="http://schemas.microsoft.com/office/drawing/2014/main" id="{47925D75-DF59-51AE-F098-58C70487A769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90000"/>
                </a:schemeClr>
              </a:gs>
              <a:gs pos="47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Location, Dates">
            <a:extLst>
              <a:ext uri="{FF2B5EF4-FFF2-40B4-BE49-F238E27FC236}">
                <a16:creationId xmlns:a16="http://schemas.microsoft.com/office/drawing/2014/main" id="{368613E9-8E38-A391-1B4E-D345E6DD64A4}"/>
              </a:ext>
            </a:extLst>
          </p:cNvPr>
          <p:cNvSpPr txBox="1"/>
          <p:nvPr/>
        </p:nvSpPr>
        <p:spPr>
          <a:xfrm>
            <a:off x="494207" y="3084104"/>
            <a:ext cx="502169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Xiamen, China </a:t>
            </a:r>
          </a:p>
          <a:p>
            <a:r>
              <a:rPr lang="en-US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4-16 October 2025</a:t>
            </a:r>
          </a:p>
        </p:txBody>
      </p:sp>
      <p:sp>
        <p:nvSpPr>
          <p:cNvPr id="20" name="Join me">
            <a:extLst>
              <a:ext uri="{FF2B5EF4-FFF2-40B4-BE49-F238E27FC236}">
                <a16:creationId xmlns:a16="http://schemas.microsoft.com/office/drawing/2014/main" id="{3AEA561C-FDFF-CCBC-88F5-F891CB5B4C91}"/>
              </a:ext>
            </a:extLst>
          </p:cNvPr>
          <p:cNvSpPr txBox="1"/>
          <p:nvPr/>
        </p:nvSpPr>
        <p:spPr>
          <a:xfrm>
            <a:off x="476250" y="4975328"/>
            <a:ext cx="7194550" cy="156966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4800" b="1" i="0" dirty="0">
                <a:solidFill>
                  <a:schemeClr val="bg1"/>
                </a:solidFill>
                <a:effectLst/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</a:t>
            </a:r>
          </a:p>
          <a:p>
            <a:r>
              <a:rPr lang="en-US" sz="48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THE WSOC 2025!</a:t>
            </a:r>
            <a:endParaRPr lang="en-US" sz="4800" dirty="0">
              <a:solidFill>
                <a:schemeClr val="bg1"/>
              </a:solidFill>
              <a:latin typeface="Aktiv Grotesk Medium" panose="020B0504020202020204" pitchFamily="34" charset="0"/>
              <a:ea typeface="Aktiv Grotesk Medium" panose="020B0504020202020204" pitchFamily="34" charset="0"/>
              <a:cs typeface="Aktiv Grotesk Medium" panose="020B0504020202020204" pitchFamily="34" charset="0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82386AB-5022-9E58-F527-182406FDB3E9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/>
          <a:srcRect/>
          <a:stretch/>
        </p:blipFill>
        <p:spPr>
          <a:xfrm>
            <a:off x="627221" y="504488"/>
            <a:ext cx="3528209" cy="2239767"/>
          </a:xfrm>
          <a:prstGeom prst="rect">
            <a:avLst/>
          </a:prstGeom>
        </p:spPr>
      </p:pic>
      <p:sp>
        <p:nvSpPr>
          <p:cNvPr id="8" name="IATA logo">
            <a:extLst>
              <a:ext uri="{FF2B5EF4-FFF2-40B4-BE49-F238E27FC236}">
                <a16:creationId xmlns:a16="http://schemas.microsoft.com/office/drawing/2014/main" id="{CB2A683E-81B2-7836-5A01-FB52C468192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84316" y="5377997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Host airline">
            <a:extLst>
              <a:ext uri="{FF2B5EF4-FFF2-40B4-BE49-F238E27FC236}">
                <a16:creationId xmlns:a16="http://schemas.microsoft.com/office/drawing/2014/main" id="{6427D329-252D-1B8D-89A7-1A91038A8D2A}"/>
              </a:ext>
            </a:extLst>
          </p:cNvPr>
          <p:cNvSpPr txBox="1">
            <a:spLocks/>
          </p:cNvSpPr>
          <p:nvPr/>
        </p:nvSpPr>
        <p:spPr>
          <a:xfrm>
            <a:off x="8122622" y="5403043"/>
            <a:ext cx="1153269" cy="67466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ktiv Grotesk Medium" panose="020B0504020202020204" pitchFamily="34" charset="0"/>
              <a:buChar char="–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ktiv Grotesk Medium" panose="020B0504020202020204" pitchFamily="34" charset="0"/>
              <a:buChar char="▪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ctr"/>
            <a:r>
              <a:rPr lang="en-US" sz="1400" b="1" dirty="0">
                <a:solidFill>
                  <a:schemeClr val="bg1"/>
                </a:solidFill>
              </a:rPr>
              <a:t>Host airline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1071CC6D-793A-45D9-9A5D-4A0CAC0DB053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-422" t="-11030" r="-693" b="-32421"/>
          <a:stretch/>
        </p:blipFill>
        <p:spPr>
          <a:xfrm>
            <a:off x="7508912" y="5769861"/>
            <a:ext cx="2380691" cy="9171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64567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ORLD-SAFETY-AND-OPERATIONS-CONFERENCE_RGB_ForPPT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ORLD-SAFETY-AND-OPERATIONS-CONFERENCE_RGB_ForPPT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ORLD-SAFETY-AND-OPERATIONS-CONFERENCE_RGB_For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  <Teammemberincharge xmlns="4ffaaae9-dc8c-459f-a92e-1529c78bcbdb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c14082f75fa0f0474eca9088e1a17ed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975ce81d237c2fc5c3e2222343c5fc28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98825FB-E388-4F1F-8116-2A8A65DD839A}">
  <ds:schemaRefs>
    <ds:schemaRef ds:uri="http://purl.org/dc/terms/"/>
    <ds:schemaRef ds:uri="da655568-1247-43c7-b5ce-0d71de2fb494"/>
    <ds:schemaRef ds:uri="http://purl.org/dc/dcmitype/"/>
    <ds:schemaRef ds:uri="http://purl.org/dc/elements/1.1/"/>
    <ds:schemaRef ds:uri="86e16ca4-215f-4354-b2b5-4fac53992da1"/>
    <ds:schemaRef ds:uri="http://schemas.microsoft.com/office/infopath/2007/PartnerControls"/>
    <ds:schemaRef ds:uri="http://schemas.microsoft.com/office/2006/metadata/properties"/>
    <ds:schemaRef ds:uri="http://schemas.microsoft.com/office/2006/documentManagement/types"/>
    <ds:schemaRef ds:uri="http://schemas.openxmlformats.org/package/2006/metadata/core-properties"/>
    <ds:schemaRef ds:uri="4ffaaae9-dc8c-459f-a92e-1529c78bcbdb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56BBB40-0D38-46DA-9128-BB57A644CDE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Metadata/LabelInfo.xml><?xml version="1.0" encoding="utf-8"?>
<clbl:labelList xmlns:clbl="http://schemas.microsoft.com/office/2020/mipLabelMetadata">
  <clbl:label id="{ad221784-72a8-4263-ac86-0ccc6b152cd8}" enabled="0" method="" siteId="{ad221784-72a8-4263-ac86-0ccc6b152cd8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57</TotalTime>
  <Words>147</Words>
  <Application>Microsoft Office PowerPoint</Application>
  <PresentationFormat>Widescreen</PresentationFormat>
  <Paragraphs>21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Katie Erofeeva</cp:lastModifiedBy>
  <cp:revision>3</cp:revision>
  <dcterms:created xsi:type="dcterms:W3CDTF">2021-04-21T15:11:41Z</dcterms:created>
  <dcterms:modified xsi:type="dcterms:W3CDTF">2025-05-23T10:10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lassificationContentMarkingFooterLocations">
    <vt:lpwstr>Office Theme:8</vt:lpwstr>
  </property>
  <property fmtid="{D5CDD505-2E9C-101B-9397-08002B2CF9AE}" pid="10" name="ClassificationContentMarkingFooterText">
    <vt:lpwstr>Information Classification: General</vt:lpwstr>
  </property>
  <property fmtid="{D5CDD505-2E9C-101B-9397-08002B2CF9AE}" pid="11" name="ContentTypeId">
    <vt:lpwstr>0x01010076B04D6D81962F47AAF1D800DA62A21D</vt:lpwstr>
  </property>
  <property fmtid="{D5CDD505-2E9C-101B-9397-08002B2CF9AE}" pid="12" name="MediaServiceImageTags">
    <vt:lpwstr/>
  </property>
  <property fmtid="{D5CDD505-2E9C-101B-9397-08002B2CF9AE}" pid="13" name="Order">
    <vt:lpwstr>299200.000000000</vt:lpwstr>
  </property>
  <property fmtid="{D5CDD505-2E9C-101B-9397-08002B2CF9AE}" pid="14" name="xd_ProgID">
    <vt:lpwstr/>
  </property>
  <property fmtid="{D5CDD505-2E9C-101B-9397-08002B2CF9AE}" pid="15" name="ComplianceAssetId">
    <vt:lpwstr/>
  </property>
  <property fmtid="{D5CDD505-2E9C-101B-9397-08002B2CF9AE}" pid="16" name="TemplateUrl">
    <vt:lpwstr/>
  </property>
  <property fmtid="{D5CDD505-2E9C-101B-9397-08002B2CF9AE}" pid="17" name="_ExtendedDescription">
    <vt:lpwstr/>
  </property>
  <property fmtid="{D5CDD505-2E9C-101B-9397-08002B2CF9AE}" pid="18" name="TriggerFlowInfo">
    <vt:lpwstr/>
  </property>
  <property fmtid="{D5CDD505-2E9C-101B-9397-08002B2CF9AE}" pid="19" name="xd_Signature">
    <vt:lpwstr/>
  </property>
  <property fmtid="{D5CDD505-2E9C-101B-9397-08002B2CF9AE}" pid="20" name="SharedWithUsers">
    <vt:lpwstr>90;#Katie Erofeeva;#51;#Kim Wee;#87;#Macarena Losada</vt:lpwstr>
  </property>
</Properties>
</file>